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7\HP\"/>
    </mc:Choice>
  </mc:AlternateContent>
  <xr:revisionPtr revIDLastSave="0" documentId="8_{60018CBC-C4B9-4EF4-9339-9D7B0DC9D293}" xr6:coauthVersionLast="47" xr6:coauthVersionMax="47" xr10:uidLastSave="{00000000-0000-0000-0000-000000000000}"/>
  <bookViews>
    <workbookView xWindow="-120" yWindow="-120" windowWidth="29040" windowHeight="15720" xr2:uid="{396D13FC-C758-48C9-A318-B6C627B3D60B}"/>
  </bookViews>
  <sheets>
    <sheet name="３．（１）大沢野～細入地域人口グラフ" sheetId="2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2"/>
      <color theme="1"/>
      <name val="BIZ UD明朝 Medium"/>
      <family val="2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horzOverflow="overflow" anchor="ctr" anchorCtr="1"/>
          <a:lstStyle/>
          <a:p>
            <a:pPr algn="ctr" rtl="0">
              <a:defRPr sz="1320">
                <a:solidFill>
                  <a:srgbClr val="000000"/>
                </a:solidFill>
              </a:defRPr>
            </a:pPr>
            <a:r>
              <a:rPr lang="ja-JP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大沢野、大山、八尾、婦中、山田、細入地域地区別人口推移（住民基本台帳、各年９月末）</a:t>
            </a:r>
          </a:p>
        </c:rich>
      </c:tx>
      <c:layout>
        <c:manualLayout>
          <c:xMode val="edge"/>
          <c:yMode val="edge"/>
          <c:x val="0.15686272009521077"/>
          <c:y val="2.0339026852412678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8.5655314757481935E-2"/>
          <c:y val="0.15762711864406781"/>
          <c:w val="0.90299277605779149"/>
          <c:h val="0.71186440677966101"/>
        </c:manualLayout>
      </c:layout>
      <c:barChart>
        <c:barDir val="col"/>
        <c:grouping val="clustered"/>
        <c:varyColors val="0"/>
        <c:ser>
          <c:idx val="5"/>
          <c:order val="0"/>
          <c:tx>
            <c:strRef>
              <c:f>'[1]地区別人口・世帯集計表 (集計用)'!$E$2</c:f>
              <c:strCache>
                <c:ptCount val="1"/>
                <c:pt idx="0">
                  <c:v>R06人口</c:v>
                </c:pt>
              </c:strCache>
            </c:strRef>
          </c:tx>
          <c:spPr>
            <a:solidFill>
              <a:srgbClr val="FF9900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53:$A$84</c:f>
              <c:strCache>
                <c:ptCount val="32"/>
                <c:pt idx="0">
                  <c:v>下タ</c:v>
                </c:pt>
                <c:pt idx="1">
                  <c:v>小羽</c:v>
                </c:pt>
                <c:pt idx="2">
                  <c:v>船峅</c:v>
                </c:pt>
                <c:pt idx="3">
                  <c:v>大沢野</c:v>
                </c:pt>
                <c:pt idx="4">
                  <c:v>大久保</c:v>
                </c:pt>
                <c:pt idx="5">
                  <c:v>上滝</c:v>
                </c:pt>
                <c:pt idx="6">
                  <c:v>大山</c:v>
                </c:pt>
                <c:pt idx="7">
                  <c:v>大庄</c:v>
                </c:pt>
                <c:pt idx="8">
                  <c:v>福沢</c:v>
                </c:pt>
                <c:pt idx="9">
                  <c:v>八尾</c:v>
                </c:pt>
                <c:pt idx="10">
                  <c:v>保内</c:v>
                </c:pt>
                <c:pt idx="11">
                  <c:v>杉原</c:v>
                </c:pt>
                <c:pt idx="12">
                  <c:v>卯花</c:v>
                </c:pt>
                <c:pt idx="13">
                  <c:v>室牧</c:v>
                </c:pt>
                <c:pt idx="14">
                  <c:v>黒瀬谷</c:v>
                </c:pt>
                <c:pt idx="15">
                  <c:v>野積</c:v>
                </c:pt>
                <c:pt idx="16">
                  <c:v>仁歩</c:v>
                </c:pt>
                <c:pt idx="17">
                  <c:v>大長谷</c:v>
                </c:pt>
                <c:pt idx="18">
                  <c:v>速星</c:v>
                </c:pt>
                <c:pt idx="19">
                  <c:v>鵜坂</c:v>
                </c:pt>
                <c:pt idx="20">
                  <c:v>朝日</c:v>
                </c:pt>
                <c:pt idx="21">
                  <c:v>宮川</c:v>
                </c:pt>
                <c:pt idx="22">
                  <c:v>婦中熊野</c:v>
                </c:pt>
                <c:pt idx="23">
                  <c:v>古里</c:v>
                </c:pt>
                <c:pt idx="24">
                  <c:v>音川</c:v>
                </c:pt>
                <c:pt idx="25">
                  <c:v>神保</c:v>
                </c:pt>
                <c:pt idx="26">
                  <c:v>山田南部</c:v>
                </c:pt>
                <c:pt idx="27">
                  <c:v>山田中部</c:v>
                </c:pt>
                <c:pt idx="28">
                  <c:v>山田西部</c:v>
                </c:pt>
                <c:pt idx="29">
                  <c:v>山田東部</c:v>
                </c:pt>
                <c:pt idx="30">
                  <c:v>細入北部</c:v>
                </c:pt>
                <c:pt idx="31">
                  <c:v>細入南部</c:v>
                </c:pt>
              </c:strCache>
            </c:strRef>
          </c:cat>
          <c:val>
            <c:numRef>
              <c:f>'[1]地区別人口・世帯集計表 (集計用)'!$E$53:$E$84</c:f>
              <c:numCache>
                <c:formatCode>#,##0_);[Red]\(#,##0\)</c:formatCode>
                <c:ptCount val="32"/>
                <c:pt idx="0">
                  <c:v>267</c:v>
                </c:pt>
                <c:pt idx="1">
                  <c:v>242</c:v>
                </c:pt>
                <c:pt idx="2">
                  <c:v>1906</c:v>
                </c:pt>
                <c:pt idx="3">
                  <c:v>10744</c:v>
                </c:pt>
                <c:pt idx="4">
                  <c:v>7904</c:v>
                </c:pt>
                <c:pt idx="5">
                  <c:v>2422</c:v>
                </c:pt>
                <c:pt idx="6">
                  <c:v>742</c:v>
                </c:pt>
                <c:pt idx="7">
                  <c:v>4730</c:v>
                </c:pt>
                <c:pt idx="8">
                  <c:v>793</c:v>
                </c:pt>
                <c:pt idx="9">
                  <c:v>1858</c:v>
                </c:pt>
                <c:pt idx="10">
                  <c:v>6627</c:v>
                </c:pt>
                <c:pt idx="11">
                  <c:v>6502</c:v>
                </c:pt>
                <c:pt idx="12">
                  <c:v>719</c:v>
                </c:pt>
                <c:pt idx="13">
                  <c:v>365</c:v>
                </c:pt>
                <c:pt idx="14">
                  <c:v>1103</c:v>
                </c:pt>
                <c:pt idx="15">
                  <c:v>589</c:v>
                </c:pt>
                <c:pt idx="16">
                  <c:v>119</c:v>
                </c:pt>
                <c:pt idx="17">
                  <c:v>40</c:v>
                </c:pt>
                <c:pt idx="18">
                  <c:v>11794</c:v>
                </c:pt>
                <c:pt idx="19">
                  <c:v>11851</c:v>
                </c:pt>
                <c:pt idx="20">
                  <c:v>1383</c:v>
                </c:pt>
                <c:pt idx="21">
                  <c:v>2191</c:v>
                </c:pt>
                <c:pt idx="22">
                  <c:v>3616</c:v>
                </c:pt>
                <c:pt idx="23">
                  <c:v>3653</c:v>
                </c:pt>
                <c:pt idx="24">
                  <c:v>1222</c:v>
                </c:pt>
                <c:pt idx="25">
                  <c:v>4900</c:v>
                </c:pt>
                <c:pt idx="26">
                  <c:v>10</c:v>
                </c:pt>
                <c:pt idx="27">
                  <c:v>809</c:v>
                </c:pt>
                <c:pt idx="28">
                  <c:v>154</c:v>
                </c:pt>
                <c:pt idx="29">
                  <c:v>257</c:v>
                </c:pt>
                <c:pt idx="30">
                  <c:v>879</c:v>
                </c:pt>
                <c:pt idx="31">
                  <c:v>2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E7A-4F52-BE7A-D6E7800FFC33}"/>
            </c:ext>
          </c:extLst>
        </c:ser>
        <c:ser>
          <c:idx val="1"/>
          <c:order val="1"/>
          <c:tx>
            <c:strRef>
              <c:f>'[1]地区別人口・世帯集計表 (集計用)'!$C$2</c:f>
              <c:strCache>
                <c:ptCount val="1"/>
                <c:pt idx="0">
                  <c:v>R07人口</c:v>
                </c:pt>
              </c:strCache>
            </c:strRef>
          </c:tx>
          <c:spPr>
            <a:solidFill>
              <a:srgbClr val="0000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53:$A$84</c:f>
              <c:strCache>
                <c:ptCount val="32"/>
                <c:pt idx="0">
                  <c:v>下タ</c:v>
                </c:pt>
                <c:pt idx="1">
                  <c:v>小羽</c:v>
                </c:pt>
                <c:pt idx="2">
                  <c:v>船峅</c:v>
                </c:pt>
                <c:pt idx="3">
                  <c:v>大沢野</c:v>
                </c:pt>
                <c:pt idx="4">
                  <c:v>大久保</c:v>
                </c:pt>
                <c:pt idx="5">
                  <c:v>上滝</c:v>
                </c:pt>
                <c:pt idx="6">
                  <c:v>大山</c:v>
                </c:pt>
                <c:pt idx="7">
                  <c:v>大庄</c:v>
                </c:pt>
                <c:pt idx="8">
                  <c:v>福沢</c:v>
                </c:pt>
                <c:pt idx="9">
                  <c:v>八尾</c:v>
                </c:pt>
                <c:pt idx="10">
                  <c:v>保内</c:v>
                </c:pt>
                <c:pt idx="11">
                  <c:v>杉原</c:v>
                </c:pt>
                <c:pt idx="12">
                  <c:v>卯花</c:v>
                </c:pt>
                <c:pt idx="13">
                  <c:v>室牧</c:v>
                </c:pt>
                <c:pt idx="14">
                  <c:v>黒瀬谷</c:v>
                </c:pt>
                <c:pt idx="15">
                  <c:v>野積</c:v>
                </c:pt>
                <c:pt idx="16">
                  <c:v>仁歩</c:v>
                </c:pt>
                <c:pt idx="17">
                  <c:v>大長谷</c:v>
                </c:pt>
                <c:pt idx="18">
                  <c:v>速星</c:v>
                </c:pt>
                <c:pt idx="19">
                  <c:v>鵜坂</c:v>
                </c:pt>
                <c:pt idx="20">
                  <c:v>朝日</c:v>
                </c:pt>
                <c:pt idx="21">
                  <c:v>宮川</c:v>
                </c:pt>
                <c:pt idx="22">
                  <c:v>婦中熊野</c:v>
                </c:pt>
                <c:pt idx="23">
                  <c:v>古里</c:v>
                </c:pt>
                <c:pt idx="24">
                  <c:v>音川</c:v>
                </c:pt>
                <c:pt idx="25">
                  <c:v>神保</c:v>
                </c:pt>
                <c:pt idx="26">
                  <c:v>山田南部</c:v>
                </c:pt>
                <c:pt idx="27">
                  <c:v>山田中部</c:v>
                </c:pt>
                <c:pt idx="28">
                  <c:v>山田西部</c:v>
                </c:pt>
                <c:pt idx="29">
                  <c:v>山田東部</c:v>
                </c:pt>
                <c:pt idx="30">
                  <c:v>細入北部</c:v>
                </c:pt>
                <c:pt idx="31">
                  <c:v>細入南部</c:v>
                </c:pt>
              </c:strCache>
            </c:strRef>
          </c:cat>
          <c:val>
            <c:numRef>
              <c:f>'[1]地区別人口・世帯集計表 (集計用)'!$C$53:$C$84</c:f>
              <c:numCache>
                <c:formatCode>#,##0_);[Red]\(#,##0\)</c:formatCode>
                <c:ptCount val="32"/>
                <c:pt idx="0">
                  <c:v>253</c:v>
                </c:pt>
                <c:pt idx="1">
                  <c:v>225</c:v>
                </c:pt>
                <c:pt idx="2">
                  <c:v>1840</c:v>
                </c:pt>
                <c:pt idx="3">
                  <c:v>10578</c:v>
                </c:pt>
                <c:pt idx="4">
                  <c:v>7970</c:v>
                </c:pt>
                <c:pt idx="5">
                  <c:v>2343</c:v>
                </c:pt>
                <c:pt idx="6">
                  <c:v>723</c:v>
                </c:pt>
                <c:pt idx="7">
                  <c:v>4624</c:v>
                </c:pt>
                <c:pt idx="8">
                  <c:v>786</c:v>
                </c:pt>
                <c:pt idx="9">
                  <c:v>1796</c:v>
                </c:pt>
                <c:pt idx="10">
                  <c:v>6421</c:v>
                </c:pt>
                <c:pt idx="11">
                  <c:v>6418</c:v>
                </c:pt>
                <c:pt idx="12">
                  <c:v>704</c:v>
                </c:pt>
                <c:pt idx="13">
                  <c:v>352</c:v>
                </c:pt>
                <c:pt idx="14">
                  <c:v>1103</c:v>
                </c:pt>
                <c:pt idx="15">
                  <c:v>555</c:v>
                </c:pt>
                <c:pt idx="16">
                  <c:v>120</c:v>
                </c:pt>
                <c:pt idx="17">
                  <c:v>40</c:v>
                </c:pt>
                <c:pt idx="18">
                  <c:v>11744</c:v>
                </c:pt>
                <c:pt idx="19">
                  <c:v>11849</c:v>
                </c:pt>
                <c:pt idx="20">
                  <c:v>1354</c:v>
                </c:pt>
                <c:pt idx="21">
                  <c:v>2153</c:v>
                </c:pt>
                <c:pt idx="22">
                  <c:v>3629</c:v>
                </c:pt>
                <c:pt idx="23">
                  <c:v>3626</c:v>
                </c:pt>
                <c:pt idx="24">
                  <c:v>1188</c:v>
                </c:pt>
                <c:pt idx="25">
                  <c:v>4907</c:v>
                </c:pt>
                <c:pt idx="26">
                  <c:v>10</c:v>
                </c:pt>
                <c:pt idx="27">
                  <c:v>772</c:v>
                </c:pt>
                <c:pt idx="28">
                  <c:v>147</c:v>
                </c:pt>
                <c:pt idx="29">
                  <c:v>245</c:v>
                </c:pt>
                <c:pt idx="30">
                  <c:v>848</c:v>
                </c:pt>
                <c:pt idx="31">
                  <c:v>21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E7A-4F52-BE7A-D6E7800FFC3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"/>
        <c:axId val="2"/>
      </c:barChart>
      <c:catAx>
        <c:axId val="1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horzOverflow="overflow" vert="wordArtVertRtl" anchor="ctr" anchorCtr="1"/>
          <a:lstStyle/>
          <a:p>
            <a:pPr algn="ctr" rtl="0">
              <a:defRPr sz="1100">
                <a:solidFill>
                  <a:srgbClr val="000000"/>
                </a:solidFill>
              </a:defRPr>
            </a:pPr>
            <a:endParaRPr lang="ja-JP"/>
          </a:p>
        </c:txPr>
        <c:crossAx val="2"/>
        <c:crossesAt val="0"/>
        <c:auto val="1"/>
        <c:lblAlgn val="ctr"/>
        <c:lblOffset val="100"/>
        <c:tickLblSkip val="1"/>
        <c:noMultiLvlLbl val="0"/>
      </c:catAx>
      <c:valAx>
        <c:axId val="2"/>
        <c:scaling>
          <c:orientation val="minMax"/>
          <c:max val="13000"/>
          <c:min val="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horzOverflow="overflow" anchor="ctr" anchorCtr="1"/>
              <a:lstStyle/>
              <a:p>
                <a:pPr algn="ctr" rtl="0">
                  <a:defRPr sz="1100">
                    <a:solidFill>
                      <a:srgbClr val="000000"/>
                    </a:solidFill>
                  </a:defRPr>
                </a:pPr>
                <a:r>
                  <a:rPr lang="ja-JP" altLang="en-US" sz="1100" b="0" i="0" u="none" strike="noStrike" baseline="0">
                    <a:solidFill>
                      <a:srgbClr val="000000"/>
                    </a:solidFill>
                    <a:latin typeface="BIZ UDゴシック"/>
                    <a:ea typeface="BIZ UDゴシック"/>
                    <a:cs typeface="ＭＳ Ｐゴシック"/>
                  </a:rPr>
                  <a:t>人</a:t>
                </a:r>
              </a:p>
            </c:rich>
          </c:tx>
          <c:layout>
            <c:manualLayout>
              <c:xMode val="edge"/>
              <c:yMode val="edge"/>
              <c:x val="2.3047807283198912E-2"/>
              <c:y val="0.11920904502321825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);[Red]\(#,##0\)" sourceLinked="0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horzOverflow="overflow" anchor="ctr" anchorCtr="1"/>
          <a:lstStyle/>
          <a:p>
            <a:pPr algn="ctr" rtl="0">
              <a:defRPr sz="1100">
                <a:solidFill>
                  <a:srgbClr val="000000"/>
                </a:solidFill>
              </a:defRPr>
            </a:pPr>
            <a:endParaRPr lang="ja-JP"/>
          </a:p>
        </c:txPr>
        <c:crossAx val="1"/>
        <c:crosses val="autoZero"/>
        <c:crossBetween val="between"/>
        <c:majorUnit val="2000"/>
        <c:minorUnit val="2000"/>
      </c:valAx>
      <c:spPr>
        <a:solidFill>
          <a:srgbClr val="CCFFCC"/>
        </a:solidFill>
        <a:ln w="12700">
          <a:solidFill>
            <a:srgbClr val="CCFFCC"/>
          </a:solidFill>
          <a:prstDash val="solid"/>
        </a:ln>
      </c:spPr>
    </c:plotArea>
    <c:legend>
      <c:legendPos val="t"/>
      <c:layout>
        <c:manualLayout>
          <c:xMode val="edge"/>
          <c:yMode val="edge"/>
          <c:x val="0.45407636738906088"/>
          <c:y val="9.3220338983050849E-2"/>
          <c:w val="0.16202270381836947"/>
          <c:h val="3.8983050847457623E-2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 horzOverflow="overflow" anchor="ctr" anchorCtr="1"/>
        <a:lstStyle/>
        <a:p>
          <a:pPr algn="l" rtl="0">
            <a:defRPr sz="1100">
              <a:solidFill>
                <a:srgbClr val="000000"/>
              </a:solidFill>
            </a:defRPr>
          </a:pPr>
          <a:endParaRPr lang="ja-JP"/>
        </a:p>
      </c:txPr>
    </c:legend>
    <c:plotVisOnly val="1"/>
    <c:dispBlanksAs val="gap"/>
    <c:showDLblsOverMax val="0"/>
  </c:chart>
  <c:spPr>
    <a:noFill/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/>
          <a:ea typeface="BIZ UDゴシック"/>
          <a:cs typeface="ＭＳ Ｐゴシック"/>
        </a:defRPr>
      </a:pPr>
      <a:endParaRPr lang="ja-JP"/>
    </a:p>
  </c:txPr>
  <c:extLst/>
</c:chartSpace>
</file>

<file path=xl/chart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7CDC0B08-875D-4BDA-8CCA-C93CD8D5AC92}">
  <sheetPr codeName="Graph98"/>
  <sheetViews>
    <sheetView tabSelected="1" workbookViewId="0"/>
  </sheetViews>
  <pageMargins left="0.7" right="0.7" top="0.75" bottom="0.75" header="0.3" footer="0.3"/>
  <pageSetup paperSize="9" orientation="landscape"/>
  <drawing r:id="rId1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305925" cy="607695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BE60EEE4-E157-49BF-B16A-D7AD8EB6598B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7/&#9675;hp%20R07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C2" t="str">
            <v>R07人口</v>
          </cell>
          <cell r="E2" t="str">
            <v>R06人口</v>
          </cell>
        </row>
        <row r="3">
          <cell r="A3" t="str">
            <v>総曲輪</v>
          </cell>
          <cell r="C3">
            <v>2266</v>
          </cell>
          <cell r="E3">
            <v>2236</v>
          </cell>
        </row>
        <row r="4">
          <cell r="A4" t="str">
            <v>愛宕</v>
          </cell>
          <cell r="C4">
            <v>4886</v>
          </cell>
          <cell r="E4">
            <v>4716</v>
          </cell>
        </row>
        <row r="5">
          <cell r="A5" t="str">
            <v>安野屋</v>
          </cell>
          <cell r="C5">
            <v>2857</v>
          </cell>
          <cell r="E5">
            <v>2707</v>
          </cell>
        </row>
        <row r="6">
          <cell r="A6" t="str">
            <v>八人町</v>
          </cell>
          <cell r="C6">
            <v>1727</v>
          </cell>
          <cell r="E6">
            <v>1756</v>
          </cell>
        </row>
        <row r="7">
          <cell r="A7" t="str">
            <v>五番町</v>
          </cell>
          <cell r="C7">
            <v>3433</v>
          </cell>
          <cell r="E7">
            <v>3471</v>
          </cell>
        </row>
        <row r="8">
          <cell r="A8" t="str">
            <v>柳町</v>
          </cell>
          <cell r="C8">
            <v>5728</v>
          </cell>
          <cell r="E8">
            <v>5787</v>
          </cell>
        </row>
        <row r="9">
          <cell r="A9" t="str">
            <v>清水町</v>
          </cell>
          <cell r="C9">
            <v>3944</v>
          </cell>
          <cell r="E9">
            <v>3947</v>
          </cell>
        </row>
        <row r="10">
          <cell r="A10" t="str">
            <v>星井町</v>
          </cell>
          <cell r="C10">
            <v>2545</v>
          </cell>
          <cell r="E10">
            <v>2554</v>
          </cell>
        </row>
        <row r="11">
          <cell r="A11" t="str">
            <v>西田地方</v>
          </cell>
          <cell r="C11">
            <v>6343</v>
          </cell>
          <cell r="E11">
            <v>6445</v>
          </cell>
        </row>
        <row r="12">
          <cell r="A12" t="str">
            <v>堀川</v>
          </cell>
          <cell r="C12">
            <v>11730</v>
          </cell>
          <cell r="E12">
            <v>11708</v>
          </cell>
        </row>
        <row r="13">
          <cell r="A13" t="str">
            <v>堀川南</v>
          </cell>
          <cell r="C13">
            <v>15163</v>
          </cell>
          <cell r="E13">
            <v>15225</v>
          </cell>
        </row>
        <row r="14">
          <cell r="A14" t="str">
            <v>東部</v>
          </cell>
          <cell r="C14">
            <v>7774</v>
          </cell>
          <cell r="E14">
            <v>7887</v>
          </cell>
        </row>
        <row r="15">
          <cell r="A15" t="str">
            <v>奥田</v>
          </cell>
          <cell r="C15">
            <v>10311</v>
          </cell>
          <cell r="E15">
            <v>10369</v>
          </cell>
        </row>
        <row r="16">
          <cell r="A16" t="str">
            <v>奥田北</v>
          </cell>
          <cell r="C16">
            <v>7984</v>
          </cell>
          <cell r="E16">
            <v>8015</v>
          </cell>
        </row>
        <row r="17">
          <cell r="A17" t="str">
            <v>桜谷</v>
          </cell>
          <cell r="C17">
            <v>5551</v>
          </cell>
          <cell r="E17">
            <v>5643</v>
          </cell>
        </row>
        <row r="18">
          <cell r="A18" t="str">
            <v>五福</v>
          </cell>
          <cell r="C18">
            <v>10135</v>
          </cell>
          <cell r="E18">
            <v>10127</v>
          </cell>
        </row>
        <row r="19">
          <cell r="A19" t="str">
            <v>神明</v>
          </cell>
          <cell r="C19">
            <v>3953</v>
          </cell>
          <cell r="E19">
            <v>4014</v>
          </cell>
        </row>
        <row r="20">
          <cell r="A20" t="str">
            <v>岩瀬</v>
          </cell>
          <cell r="C20">
            <v>2950</v>
          </cell>
          <cell r="E20">
            <v>3032</v>
          </cell>
        </row>
        <row r="21">
          <cell r="A21" t="str">
            <v>萩浦</v>
          </cell>
          <cell r="C21">
            <v>5682</v>
          </cell>
          <cell r="E21">
            <v>5745</v>
          </cell>
        </row>
        <row r="22">
          <cell r="A22" t="str">
            <v>大広田</v>
          </cell>
          <cell r="C22">
            <v>7432</v>
          </cell>
          <cell r="E22">
            <v>7494</v>
          </cell>
        </row>
        <row r="23">
          <cell r="A23" t="str">
            <v>浜黒崎</v>
          </cell>
          <cell r="C23">
            <v>2301</v>
          </cell>
          <cell r="E23">
            <v>2336</v>
          </cell>
        </row>
        <row r="24">
          <cell r="A24" t="str">
            <v>針原</v>
          </cell>
          <cell r="C24">
            <v>3898</v>
          </cell>
          <cell r="E24">
            <v>3937</v>
          </cell>
        </row>
        <row r="25">
          <cell r="A25" t="str">
            <v>豊田</v>
          </cell>
          <cell r="C25">
            <v>15183</v>
          </cell>
          <cell r="E25">
            <v>15264</v>
          </cell>
        </row>
        <row r="26">
          <cell r="A26" t="str">
            <v>広田</v>
          </cell>
          <cell r="C26">
            <v>9858</v>
          </cell>
          <cell r="E26">
            <v>9730</v>
          </cell>
        </row>
        <row r="27">
          <cell r="A27" t="str">
            <v>新庄</v>
          </cell>
          <cell r="C27">
            <v>12639</v>
          </cell>
          <cell r="E27">
            <v>12587</v>
          </cell>
        </row>
        <row r="28">
          <cell r="A28" t="str">
            <v>藤ノ木</v>
          </cell>
          <cell r="C28">
            <v>16541</v>
          </cell>
          <cell r="E28">
            <v>16512</v>
          </cell>
        </row>
        <row r="29">
          <cell r="A29" t="str">
            <v>山室</v>
          </cell>
          <cell r="C29">
            <v>11458</v>
          </cell>
          <cell r="E29">
            <v>11466</v>
          </cell>
        </row>
        <row r="30">
          <cell r="A30" t="str">
            <v>山室中部</v>
          </cell>
          <cell r="C30">
            <v>11178</v>
          </cell>
          <cell r="E30">
            <v>11275</v>
          </cell>
        </row>
        <row r="31">
          <cell r="A31" t="str">
            <v>太田</v>
          </cell>
          <cell r="C31">
            <v>5519</v>
          </cell>
          <cell r="E31">
            <v>5562</v>
          </cell>
        </row>
        <row r="32">
          <cell r="A32" t="str">
            <v>蜷川</v>
          </cell>
          <cell r="C32">
            <v>13506</v>
          </cell>
          <cell r="E32">
            <v>13478</v>
          </cell>
        </row>
        <row r="33">
          <cell r="A33" t="str">
            <v>新保</v>
          </cell>
          <cell r="C33">
            <v>5618</v>
          </cell>
          <cell r="E33">
            <v>5574</v>
          </cell>
        </row>
        <row r="34">
          <cell r="A34" t="str">
            <v>熊野</v>
          </cell>
          <cell r="C34">
            <v>6732</v>
          </cell>
          <cell r="E34">
            <v>6848</v>
          </cell>
        </row>
        <row r="35">
          <cell r="A35" t="str">
            <v>月岡</v>
          </cell>
          <cell r="C35">
            <v>5982</v>
          </cell>
          <cell r="E35">
            <v>6050</v>
          </cell>
        </row>
        <row r="36">
          <cell r="A36" t="str">
            <v>四方</v>
          </cell>
          <cell r="C36">
            <v>3188</v>
          </cell>
          <cell r="E36">
            <v>3218</v>
          </cell>
        </row>
        <row r="37">
          <cell r="A37" t="str">
            <v>八幡</v>
          </cell>
          <cell r="C37">
            <v>2134</v>
          </cell>
          <cell r="E37">
            <v>2207</v>
          </cell>
        </row>
        <row r="38">
          <cell r="A38" t="str">
            <v>草島</v>
          </cell>
          <cell r="C38">
            <v>2713</v>
          </cell>
          <cell r="E38">
            <v>2764</v>
          </cell>
        </row>
        <row r="39">
          <cell r="A39" t="str">
            <v>倉垣</v>
          </cell>
          <cell r="C39">
            <v>2949</v>
          </cell>
          <cell r="E39">
            <v>2958</v>
          </cell>
        </row>
        <row r="40">
          <cell r="A40" t="str">
            <v>呉羽</v>
          </cell>
          <cell r="C40">
            <v>12064</v>
          </cell>
          <cell r="E40">
            <v>12159</v>
          </cell>
        </row>
        <row r="41">
          <cell r="A41" t="str">
            <v>長岡</v>
          </cell>
          <cell r="C41">
            <v>3874</v>
          </cell>
          <cell r="E41">
            <v>3962</v>
          </cell>
        </row>
        <row r="42">
          <cell r="A42" t="str">
            <v>寒江</v>
          </cell>
          <cell r="C42">
            <v>1560</v>
          </cell>
          <cell r="E42">
            <v>1601</v>
          </cell>
        </row>
        <row r="43">
          <cell r="A43" t="str">
            <v>古沢</v>
          </cell>
          <cell r="C43">
            <v>1658</v>
          </cell>
          <cell r="E43">
            <v>1683</v>
          </cell>
        </row>
        <row r="44">
          <cell r="A44" t="str">
            <v>老田</v>
          </cell>
          <cell r="C44">
            <v>3260</v>
          </cell>
          <cell r="E44">
            <v>3262</v>
          </cell>
        </row>
        <row r="45">
          <cell r="A45" t="str">
            <v>池多</v>
          </cell>
          <cell r="C45">
            <v>940</v>
          </cell>
          <cell r="E45">
            <v>964</v>
          </cell>
        </row>
        <row r="46">
          <cell r="A46" t="str">
            <v>水橋中部</v>
          </cell>
          <cell r="C46">
            <v>3162</v>
          </cell>
          <cell r="E46">
            <v>3203</v>
          </cell>
        </row>
        <row r="47">
          <cell r="A47" t="str">
            <v>水橋西部</v>
          </cell>
          <cell r="C47">
            <v>3832</v>
          </cell>
          <cell r="E47">
            <v>3828</v>
          </cell>
        </row>
        <row r="48">
          <cell r="A48" t="str">
            <v>水橋東部</v>
          </cell>
          <cell r="C48">
            <v>1728</v>
          </cell>
          <cell r="E48">
            <v>1760</v>
          </cell>
        </row>
        <row r="49">
          <cell r="A49" t="str">
            <v>三郷</v>
          </cell>
          <cell r="C49">
            <v>3684</v>
          </cell>
          <cell r="E49">
            <v>3727</v>
          </cell>
        </row>
        <row r="50">
          <cell r="A50" t="str">
            <v>上条</v>
          </cell>
          <cell r="C50">
            <v>1536</v>
          </cell>
          <cell r="E50">
            <v>1586</v>
          </cell>
        </row>
        <row r="51">
          <cell r="A51" t="str">
            <v>光陽</v>
          </cell>
          <cell r="C51">
            <v>8759</v>
          </cell>
          <cell r="E51">
            <v>8771</v>
          </cell>
        </row>
        <row r="52">
          <cell r="A52" t="str">
            <v>新庄北</v>
          </cell>
          <cell r="C52">
            <v>12627</v>
          </cell>
          <cell r="E52">
            <v>12635</v>
          </cell>
        </row>
        <row r="53">
          <cell r="A53" t="str">
            <v>下タ</v>
          </cell>
          <cell r="C53">
            <v>253</v>
          </cell>
          <cell r="E53">
            <v>267</v>
          </cell>
        </row>
        <row r="54">
          <cell r="A54" t="str">
            <v>小羽</v>
          </cell>
          <cell r="C54">
            <v>225</v>
          </cell>
          <cell r="E54">
            <v>242</v>
          </cell>
        </row>
        <row r="55">
          <cell r="A55" t="str">
            <v>船峅</v>
          </cell>
          <cell r="C55">
            <v>1840</v>
          </cell>
          <cell r="E55">
            <v>1906</v>
          </cell>
        </row>
        <row r="56">
          <cell r="A56" t="str">
            <v>大沢野</v>
          </cell>
          <cell r="C56">
            <v>10578</v>
          </cell>
          <cell r="E56">
            <v>10744</v>
          </cell>
        </row>
        <row r="57">
          <cell r="A57" t="str">
            <v>大久保</v>
          </cell>
          <cell r="C57">
            <v>7970</v>
          </cell>
          <cell r="E57">
            <v>7904</v>
          </cell>
        </row>
        <row r="58">
          <cell r="A58" t="str">
            <v>上滝</v>
          </cell>
          <cell r="C58">
            <v>2343</v>
          </cell>
          <cell r="E58">
            <v>2422</v>
          </cell>
        </row>
        <row r="59">
          <cell r="A59" t="str">
            <v>大山</v>
          </cell>
          <cell r="C59">
            <v>723</v>
          </cell>
          <cell r="E59">
            <v>742</v>
          </cell>
        </row>
        <row r="60">
          <cell r="A60" t="str">
            <v>大庄</v>
          </cell>
          <cell r="C60">
            <v>4624</v>
          </cell>
          <cell r="E60">
            <v>4730</v>
          </cell>
        </row>
        <row r="61">
          <cell r="A61" t="str">
            <v>福沢</v>
          </cell>
          <cell r="C61">
            <v>786</v>
          </cell>
          <cell r="E61">
            <v>793</v>
          </cell>
        </row>
        <row r="62">
          <cell r="A62" t="str">
            <v>八尾</v>
          </cell>
          <cell r="C62">
            <v>1796</v>
          </cell>
          <cell r="E62">
            <v>1858</v>
          </cell>
        </row>
        <row r="63">
          <cell r="A63" t="str">
            <v>保内</v>
          </cell>
          <cell r="C63">
            <v>6421</v>
          </cell>
          <cell r="E63">
            <v>6627</v>
          </cell>
        </row>
        <row r="64">
          <cell r="A64" t="str">
            <v>杉原</v>
          </cell>
          <cell r="C64">
            <v>6418</v>
          </cell>
          <cell r="E64">
            <v>6502</v>
          </cell>
        </row>
        <row r="65">
          <cell r="A65" t="str">
            <v>卯花</v>
          </cell>
          <cell r="C65">
            <v>704</v>
          </cell>
          <cell r="E65">
            <v>719</v>
          </cell>
        </row>
        <row r="66">
          <cell r="A66" t="str">
            <v>室牧</v>
          </cell>
          <cell r="C66">
            <v>352</v>
          </cell>
          <cell r="E66">
            <v>365</v>
          </cell>
        </row>
        <row r="67">
          <cell r="A67" t="str">
            <v>黒瀬谷</v>
          </cell>
          <cell r="C67">
            <v>1103</v>
          </cell>
          <cell r="E67">
            <v>1103</v>
          </cell>
        </row>
        <row r="68">
          <cell r="A68" t="str">
            <v>野積</v>
          </cell>
          <cell r="C68">
            <v>555</v>
          </cell>
          <cell r="E68">
            <v>589</v>
          </cell>
        </row>
        <row r="69">
          <cell r="A69" t="str">
            <v>仁歩</v>
          </cell>
          <cell r="C69">
            <v>120</v>
          </cell>
          <cell r="E69">
            <v>119</v>
          </cell>
        </row>
        <row r="70">
          <cell r="A70" t="str">
            <v>大長谷</v>
          </cell>
          <cell r="C70">
            <v>40</v>
          </cell>
          <cell r="E70">
            <v>40</v>
          </cell>
        </row>
        <row r="71">
          <cell r="A71" t="str">
            <v>速星</v>
          </cell>
          <cell r="C71">
            <v>11744</v>
          </cell>
          <cell r="E71">
            <v>11794</v>
          </cell>
        </row>
        <row r="72">
          <cell r="A72" t="str">
            <v>鵜坂</v>
          </cell>
          <cell r="C72">
            <v>11849</v>
          </cell>
          <cell r="E72">
            <v>11851</v>
          </cell>
        </row>
        <row r="73">
          <cell r="A73" t="str">
            <v>朝日</v>
          </cell>
          <cell r="C73">
            <v>1354</v>
          </cell>
          <cell r="E73">
            <v>1383</v>
          </cell>
        </row>
        <row r="74">
          <cell r="A74" t="str">
            <v>宮川</v>
          </cell>
          <cell r="C74">
            <v>2153</v>
          </cell>
          <cell r="E74">
            <v>2191</v>
          </cell>
        </row>
        <row r="75">
          <cell r="A75" t="str">
            <v>婦中熊野</v>
          </cell>
          <cell r="C75">
            <v>3629</v>
          </cell>
          <cell r="E75">
            <v>3616</v>
          </cell>
        </row>
        <row r="76">
          <cell r="A76" t="str">
            <v>古里</v>
          </cell>
          <cell r="C76">
            <v>3626</v>
          </cell>
          <cell r="E76">
            <v>3653</v>
          </cell>
        </row>
        <row r="77">
          <cell r="A77" t="str">
            <v>音川</v>
          </cell>
          <cell r="C77">
            <v>1188</v>
          </cell>
          <cell r="E77">
            <v>1222</v>
          </cell>
        </row>
        <row r="78">
          <cell r="A78" t="str">
            <v>神保</v>
          </cell>
          <cell r="C78">
            <v>4907</v>
          </cell>
          <cell r="E78">
            <v>4900</v>
          </cell>
        </row>
        <row r="79">
          <cell r="A79" t="str">
            <v>山田南部</v>
          </cell>
          <cell r="C79">
            <v>10</v>
          </cell>
          <cell r="E79">
            <v>10</v>
          </cell>
        </row>
        <row r="80">
          <cell r="A80" t="str">
            <v>山田中部</v>
          </cell>
          <cell r="C80">
            <v>772</v>
          </cell>
          <cell r="E80">
            <v>809</v>
          </cell>
        </row>
        <row r="81">
          <cell r="A81" t="str">
            <v>山田西部</v>
          </cell>
          <cell r="C81">
            <v>147</v>
          </cell>
          <cell r="E81">
            <v>154</v>
          </cell>
        </row>
        <row r="82">
          <cell r="A82" t="str">
            <v>山田東部</v>
          </cell>
          <cell r="C82">
            <v>245</v>
          </cell>
          <cell r="E82">
            <v>257</v>
          </cell>
        </row>
        <row r="83">
          <cell r="A83" t="str">
            <v>細入北部</v>
          </cell>
          <cell r="C83">
            <v>848</v>
          </cell>
          <cell r="E83">
            <v>879</v>
          </cell>
        </row>
        <row r="84">
          <cell r="A84" t="str">
            <v>細入南部</v>
          </cell>
          <cell r="C84">
            <v>217</v>
          </cell>
          <cell r="E84">
            <v>225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１）大沢野～細入地域人口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3-05T01:23:19Z</dcterms:created>
  <dcterms:modified xsi:type="dcterms:W3CDTF">2026-03-05T01:25:26Z</dcterms:modified>
</cp:coreProperties>
</file>